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peelenmaas/"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A6307980-6737-6501-A63C-C8C78F2C5B7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1559" y="5066965"/>
            <a:ext cx="1796103" cy="160212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FB800B3B-3EE9-3265-0688-9102DC50173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3901" y="3790576"/>
            <a:ext cx="1796103" cy="160212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3-18T15:07:51Z</dcterms:modified>
</cp:coreProperties>
</file>